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i3\Desktop\new entrants dec 2022 regions\"/>
    </mc:Choice>
  </mc:AlternateContent>
  <bookViews>
    <workbookView xWindow="0" yWindow="0" windowWidth="24000" windowHeight="9735"/>
  </bookViews>
  <sheets>
    <sheet name="oti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67" uniqueCount="89">
  <si>
    <t>EMPLOYEE_NUMBER</t>
  </si>
  <si>
    <t>TITLE</t>
  </si>
  <si>
    <t>FULL_NAME</t>
  </si>
  <si>
    <t>MGT_UNIT</t>
  </si>
  <si>
    <t>JOB_NAME</t>
  </si>
  <si>
    <t>GRADE_NAME</t>
  </si>
  <si>
    <t>SSNO</t>
  </si>
  <si>
    <t>SEX</t>
  </si>
  <si>
    <t>DATE_OF_BIRTH</t>
  </si>
  <si>
    <t>START_DATE</t>
  </si>
  <si>
    <t>REGION</t>
  </si>
  <si>
    <t>DISTRICT</t>
  </si>
  <si>
    <t>ASSIGNMENT_STATUS</t>
  </si>
  <si>
    <t>Mr.</t>
  </si>
  <si>
    <t>MALE</t>
  </si>
  <si>
    <t>Waiting Biometric Registration</t>
  </si>
  <si>
    <t>Miss</t>
  </si>
  <si>
    <t>FEMALE</t>
  </si>
  <si>
    <t>Mrs.</t>
  </si>
  <si>
    <t>Principal.Supt Professional..GES</t>
  </si>
  <si>
    <t>SS.PSH16</t>
  </si>
  <si>
    <t>Principal.Supt Non Professional..GES</t>
  </si>
  <si>
    <t>SS.PSL16</t>
  </si>
  <si>
    <t>Senior.Supt II Professional..GES</t>
  </si>
  <si>
    <t>SS.PSH14</t>
  </si>
  <si>
    <t>AGYEI, Mr. CLEMENT</t>
  </si>
  <si>
    <t>1544250</t>
  </si>
  <si>
    <t>BEDAASE, Mr. NELSON MAMOEGYIIMELE</t>
  </si>
  <si>
    <t>1103 Oti Snr High Tech School</t>
  </si>
  <si>
    <t>D029009090010</t>
  </si>
  <si>
    <t>Oti</t>
  </si>
  <si>
    <t>Krachi East Municipal Assembly</t>
  </si>
  <si>
    <t>1544791</t>
  </si>
  <si>
    <t>MINTA, Miss SELINA</t>
  </si>
  <si>
    <t>1106 Nkonya Ntsumuru EP Prim</t>
  </si>
  <si>
    <t>F119504200040</t>
  </si>
  <si>
    <t>Biakoye</t>
  </si>
  <si>
    <t>1544935</t>
  </si>
  <si>
    <t>APITA, Mrs. FRANCISCA MMABILA</t>
  </si>
  <si>
    <t>1108 Chinderi DA JHS</t>
  </si>
  <si>
    <t>J029407290022</t>
  </si>
  <si>
    <t>Krachi Nchumuru</t>
  </si>
  <si>
    <t>1545239</t>
  </si>
  <si>
    <t>ATIBIRE, Mr. ROBERT AYINGURA</t>
  </si>
  <si>
    <t>1108 Chinderi SDA Prim</t>
  </si>
  <si>
    <t>J019311200036</t>
  </si>
  <si>
    <t>1545283</t>
  </si>
  <si>
    <t>HALLO, Mr. FOSTER</t>
  </si>
  <si>
    <t>1101 Akaa Tankey DA Prim (GOV)</t>
  </si>
  <si>
    <t>E069302020076</t>
  </si>
  <si>
    <t>Jasikan</t>
  </si>
  <si>
    <t>1545292</t>
  </si>
  <si>
    <t>1106 Apesokubi DA RC Primary B</t>
  </si>
  <si>
    <t>C019312130292</t>
  </si>
  <si>
    <t>1546934</t>
  </si>
  <si>
    <t>AKANLEREKE, Mr. JOHN AYINDENABA</t>
  </si>
  <si>
    <t>1104 Bunda D/A JHS</t>
  </si>
  <si>
    <t>J019506050014</t>
  </si>
  <si>
    <t>Krachi West</t>
  </si>
  <si>
    <t>1547736</t>
  </si>
  <si>
    <t>OWUSU ANSAH, Miss JOSEPHINE</t>
  </si>
  <si>
    <t>1106 Nkonya Asakyiri DA JHS (GOV)</t>
  </si>
  <si>
    <t>F019305290204</t>
  </si>
  <si>
    <t>1547743</t>
  </si>
  <si>
    <t>AFEKE, Mr. JOHN KWAKU</t>
  </si>
  <si>
    <t>1101 Jasikan DEO</t>
  </si>
  <si>
    <t>R209110230012</t>
  </si>
  <si>
    <t>1547755</t>
  </si>
  <si>
    <t>ADZAWLA, Mr. JOSEPH</t>
  </si>
  <si>
    <t>1105 Ntruboman Snr High Sch</t>
  </si>
  <si>
    <t>D249312060018</t>
  </si>
  <si>
    <t>Nkwanta South Municipal Assembly</t>
  </si>
  <si>
    <t>1547758</t>
  </si>
  <si>
    <t>DZEAMESHIE, Mr. GODSWAY</t>
  </si>
  <si>
    <t>1105 Nkwanta Snr High Sch</t>
  </si>
  <si>
    <t>D119004160035</t>
  </si>
  <si>
    <t>1547764</t>
  </si>
  <si>
    <t>ISSOR, Mr. MBIBA</t>
  </si>
  <si>
    <t>1106 Biakoye Community Snr High School</t>
  </si>
  <si>
    <t>C018302260535</t>
  </si>
  <si>
    <t>1548024</t>
  </si>
  <si>
    <t>NJOE, Mr. MENSAH</t>
  </si>
  <si>
    <t>1108 Nchumuruman Community SHS</t>
  </si>
  <si>
    <t>N038808190013</t>
  </si>
  <si>
    <t>1548030</t>
  </si>
  <si>
    <t>ADU, Miss PRISCILLA</t>
  </si>
  <si>
    <t>1102 Ahamansu Islamic SHS</t>
  </si>
  <si>
    <t>F019602190143</t>
  </si>
  <si>
    <t>Kadjebi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4">
    <xf numFmtId="0" fontId="0" fillId="0" borderId="0" xfId="0"/>
    <xf numFmtId="0" fontId="1" fillId="0" borderId="0" xfId="0" applyFont="1"/>
    <xf numFmtId="0" fontId="0" fillId="0" borderId="0" xfId="0" quotePrefix="1"/>
    <xf numFmtId="15" fontId="0" fillId="0" borderId="0" xfId="0" applyNumberForma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tabSelected="1" workbookViewId="0">
      <selection activeCell="C19" sqref="C19"/>
    </sheetView>
  </sheetViews>
  <sheetFormatPr defaultRowHeight="15" x14ac:dyDescent="0.25"/>
  <cols>
    <col min="1" max="1" width="12.5703125" customWidth="1"/>
    <col min="2" max="2" width="11" bestFit="1" customWidth="1"/>
    <col min="3" max="3" width="33.42578125" customWidth="1"/>
    <col min="4" max="4" width="35.5703125" customWidth="1"/>
    <col min="5" max="5" width="33" customWidth="1"/>
    <col min="6" max="6" width="13.85546875" bestFit="1" customWidth="1"/>
    <col min="7" max="7" width="16.42578125" bestFit="1" customWidth="1"/>
    <col min="8" max="8" width="7.85546875" bestFit="1" customWidth="1"/>
    <col min="9" max="9" width="15.28515625" bestFit="1" customWidth="1"/>
    <col min="10" max="10" width="12" bestFit="1" customWidth="1"/>
    <col min="11" max="11" width="14.28515625" bestFit="1" customWidth="1"/>
    <col min="12" max="12" width="48.42578125" bestFit="1" customWidth="1"/>
    <col min="13" max="13" width="28.5703125" bestFit="1" customWidth="1"/>
  </cols>
  <sheetData>
    <row r="1" spans="1:13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1" t="s">
        <v>9</v>
      </c>
      <c r="K1" s="1" t="s">
        <v>10</v>
      </c>
      <c r="L1" s="1" t="s">
        <v>11</v>
      </c>
      <c r="M1" s="1" t="s">
        <v>12</v>
      </c>
    </row>
    <row r="2" spans="1:13" x14ac:dyDescent="0.25">
      <c r="A2" s="2" t="s">
        <v>26</v>
      </c>
      <c r="B2" s="2" t="s">
        <v>13</v>
      </c>
      <c r="C2" s="2" t="s">
        <v>27</v>
      </c>
      <c r="D2" s="2" t="s">
        <v>28</v>
      </c>
      <c r="E2" s="2" t="s">
        <v>19</v>
      </c>
      <c r="F2" s="2" t="s">
        <v>20</v>
      </c>
      <c r="G2" s="2" t="s">
        <v>29</v>
      </c>
      <c r="H2" s="2" t="s">
        <v>14</v>
      </c>
      <c r="I2" s="3">
        <v>34221</v>
      </c>
      <c r="J2" s="3">
        <v>44769</v>
      </c>
      <c r="K2" s="2" t="s">
        <v>30</v>
      </c>
      <c r="L2" s="2" t="s">
        <v>31</v>
      </c>
      <c r="M2" s="2" t="s">
        <v>15</v>
      </c>
    </row>
    <row r="3" spans="1:13" x14ac:dyDescent="0.25">
      <c r="A3" s="2" t="s">
        <v>32</v>
      </c>
      <c r="B3" s="2" t="s">
        <v>16</v>
      </c>
      <c r="C3" s="2" t="s">
        <v>33</v>
      </c>
      <c r="D3" s="2" t="s">
        <v>34</v>
      </c>
      <c r="E3" s="2" t="s">
        <v>23</v>
      </c>
      <c r="F3" s="2" t="s">
        <v>24</v>
      </c>
      <c r="G3" s="2" t="s">
        <v>35</v>
      </c>
      <c r="H3" s="2" t="s">
        <v>17</v>
      </c>
      <c r="I3" s="3">
        <v>34809</v>
      </c>
      <c r="J3" s="3">
        <v>44593</v>
      </c>
      <c r="K3" s="2" t="s">
        <v>30</v>
      </c>
      <c r="L3" s="2" t="s">
        <v>36</v>
      </c>
      <c r="M3" s="2" t="s">
        <v>15</v>
      </c>
    </row>
    <row r="4" spans="1:13" x14ac:dyDescent="0.25">
      <c r="A4" s="2" t="s">
        <v>37</v>
      </c>
      <c r="B4" s="2" t="s">
        <v>18</v>
      </c>
      <c r="C4" s="2" t="s">
        <v>38</v>
      </c>
      <c r="D4" s="2" t="s">
        <v>39</v>
      </c>
      <c r="E4" s="2" t="s">
        <v>23</v>
      </c>
      <c r="F4" s="2" t="s">
        <v>24</v>
      </c>
      <c r="G4" s="2" t="s">
        <v>40</v>
      </c>
      <c r="H4" s="2" t="s">
        <v>17</v>
      </c>
      <c r="I4" s="3">
        <v>34544</v>
      </c>
      <c r="J4" s="3">
        <v>44603</v>
      </c>
      <c r="K4" s="2" t="s">
        <v>30</v>
      </c>
      <c r="L4" s="2" t="s">
        <v>41</v>
      </c>
      <c r="M4" s="2" t="s">
        <v>15</v>
      </c>
    </row>
    <row r="5" spans="1:13" x14ac:dyDescent="0.25">
      <c r="A5" s="2" t="s">
        <v>42</v>
      </c>
      <c r="B5" s="2" t="s">
        <v>13</v>
      </c>
      <c r="C5" s="2" t="s">
        <v>43</v>
      </c>
      <c r="D5" s="2" t="s">
        <v>44</v>
      </c>
      <c r="E5" s="2" t="s">
        <v>23</v>
      </c>
      <c r="F5" s="2" t="s">
        <v>24</v>
      </c>
      <c r="G5" s="2" t="s">
        <v>45</v>
      </c>
      <c r="H5" s="2" t="s">
        <v>14</v>
      </c>
      <c r="I5" s="3">
        <v>34293</v>
      </c>
      <c r="J5" s="3">
        <v>44593</v>
      </c>
      <c r="K5" s="2" t="s">
        <v>30</v>
      </c>
      <c r="L5" s="2" t="s">
        <v>41</v>
      </c>
      <c r="M5" s="2" t="s">
        <v>15</v>
      </c>
    </row>
    <row r="6" spans="1:13" x14ac:dyDescent="0.25">
      <c r="A6" s="2" t="s">
        <v>46</v>
      </c>
      <c r="B6" s="2" t="s">
        <v>13</v>
      </c>
      <c r="C6" s="2" t="s">
        <v>47</v>
      </c>
      <c r="D6" s="2" t="s">
        <v>48</v>
      </c>
      <c r="E6" s="2" t="s">
        <v>23</v>
      </c>
      <c r="F6" s="2" t="s">
        <v>24</v>
      </c>
      <c r="G6" s="2" t="s">
        <v>49</v>
      </c>
      <c r="H6" s="2" t="s">
        <v>14</v>
      </c>
      <c r="I6" s="3">
        <v>34002</v>
      </c>
      <c r="J6" s="3">
        <v>44599</v>
      </c>
      <c r="K6" s="2" t="s">
        <v>30</v>
      </c>
      <c r="L6" s="2" t="s">
        <v>50</v>
      </c>
      <c r="M6" s="2" t="s">
        <v>15</v>
      </c>
    </row>
    <row r="7" spans="1:13" x14ac:dyDescent="0.25">
      <c r="A7" s="2" t="s">
        <v>51</v>
      </c>
      <c r="B7" s="2" t="s">
        <v>13</v>
      </c>
      <c r="C7" s="2" t="s">
        <v>25</v>
      </c>
      <c r="D7" s="2" t="s">
        <v>52</v>
      </c>
      <c r="E7" s="2" t="s">
        <v>23</v>
      </c>
      <c r="F7" s="2" t="s">
        <v>24</v>
      </c>
      <c r="G7" s="2" t="s">
        <v>53</v>
      </c>
      <c r="H7" s="2" t="s">
        <v>14</v>
      </c>
      <c r="I7" s="3">
        <v>34316</v>
      </c>
      <c r="J7" s="3">
        <v>44593</v>
      </c>
      <c r="K7" s="2" t="s">
        <v>30</v>
      </c>
      <c r="L7" s="2" t="s">
        <v>36</v>
      </c>
      <c r="M7" s="2" t="s">
        <v>15</v>
      </c>
    </row>
    <row r="8" spans="1:13" x14ac:dyDescent="0.25">
      <c r="A8" s="2" t="s">
        <v>54</v>
      </c>
      <c r="B8" s="2" t="s">
        <v>13</v>
      </c>
      <c r="C8" s="2" t="s">
        <v>55</v>
      </c>
      <c r="D8" s="2" t="s">
        <v>56</v>
      </c>
      <c r="E8" s="2" t="s">
        <v>23</v>
      </c>
      <c r="F8" s="2" t="s">
        <v>24</v>
      </c>
      <c r="G8" s="2" t="s">
        <v>57</v>
      </c>
      <c r="H8" s="2" t="s">
        <v>14</v>
      </c>
      <c r="I8" s="3">
        <v>34855</v>
      </c>
      <c r="J8" s="3">
        <v>44596</v>
      </c>
      <c r="K8" s="2" t="s">
        <v>30</v>
      </c>
      <c r="L8" s="2" t="s">
        <v>58</v>
      </c>
      <c r="M8" s="2" t="s">
        <v>15</v>
      </c>
    </row>
    <row r="9" spans="1:13" x14ac:dyDescent="0.25">
      <c r="A9" s="2" t="s">
        <v>59</v>
      </c>
      <c r="B9" s="2" t="s">
        <v>16</v>
      </c>
      <c r="C9" s="2" t="s">
        <v>60</v>
      </c>
      <c r="D9" s="2" t="s">
        <v>61</v>
      </c>
      <c r="E9" s="2" t="s">
        <v>23</v>
      </c>
      <c r="F9" s="2" t="s">
        <v>24</v>
      </c>
      <c r="G9" s="2" t="s">
        <v>62</v>
      </c>
      <c r="H9" s="2" t="s">
        <v>17</v>
      </c>
      <c r="I9" s="3">
        <v>34118</v>
      </c>
      <c r="J9" s="3">
        <v>44593</v>
      </c>
      <c r="K9" s="2" t="s">
        <v>30</v>
      </c>
      <c r="L9" s="2" t="s">
        <v>36</v>
      </c>
      <c r="M9" s="2" t="s">
        <v>15</v>
      </c>
    </row>
    <row r="10" spans="1:13" x14ac:dyDescent="0.25">
      <c r="A10" s="2" t="s">
        <v>63</v>
      </c>
      <c r="B10" s="2" t="s">
        <v>13</v>
      </c>
      <c r="C10" s="2" t="s">
        <v>64</v>
      </c>
      <c r="D10" s="2" t="s">
        <v>65</v>
      </c>
      <c r="E10" s="2" t="s">
        <v>21</v>
      </c>
      <c r="F10" s="2" t="s">
        <v>22</v>
      </c>
      <c r="G10" s="2" t="s">
        <v>66</v>
      </c>
      <c r="H10" s="2" t="s">
        <v>14</v>
      </c>
      <c r="I10" s="3">
        <v>33534</v>
      </c>
      <c r="J10" s="3">
        <v>44764</v>
      </c>
      <c r="K10" s="2" t="s">
        <v>30</v>
      </c>
      <c r="L10" s="2" t="s">
        <v>50</v>
      </c>
      <c r="M10" s="2" t="s">
        <v>15</v>
      </c>
    </row>
    <row r="11" spans="1:13" x14ac:dyDescent="0.25">
      <c r="A11" s="2" t="s">
        <v>67</v>
      </c>
      <c r="B11" s="2" t="s">
        <v>13</v>
      </c>
      <c r="C11" s="2" t="s">
        <v>68</v>
      </c>
      <c r="D11" s="2" t="s">
        <v>69</v>
      </c>
      <c r="E11" s="2" t="s">
        <v>19</v>
      </c>
      <c r="F11" s="2" t="s">
        <v>20</v>
      </c>
      <c r="G11" s="2" t="s">
        <v>70</v>
      </c>
      <c r="H11" s="2" t="s">
        <v>14</v>
      </c>
      <c r="I11" s="3">
        <v>34309</v>
      </c>
      <c r="J11" s="3">
        <v>44770</v>
      </c>
      <c r="K11" s="2" t="s">
        <v>30</v>
      </c>
      <c r="L11" s="2" t="s">
        <v>71</v>
      </c>
      <c r="M11" s="2" t="s">
        <v>15</v>
      </c>
    </row>
    <row r="12" spans="1:13" x14ac:dyDescent="0.25">
      <c r="A12" s="2" t="s">
        <v>72</v>
      </c>
      <c r="B12" s="2" t="s">
        <v>13</v>
      </c>
      <c r="C12" s="2" t="s">
        <v>73</v>
      </c>
      <c r="D12" s="2" t="s">
        <v>74</v>
      </c>
      <c r="E12" s="2" t="s">
        <v>19</v>
      </c>
      <c r="F12" s="2" t="s">
        <v>20</v>
      </c>
      <c r="G12" s="2" t="s">
        <v>75</v>
      </c>
      <c r="H12" s="2" t="s">
        <v>14</v>
      </c>
      <c r="I12" s="3">
        <v>32979</v>
      </c>
      <c r="J12" s="3">
        <v>44770</v>
      </c>
      <c r="K12" s="2" t="s">
        <v>30</v>
      </c>
      <c r="L12" s="2" t="s">
        <v>71</v>
      </c>
      <c r="M12" s="2" t="s">
        <v>15</v>
      </c>
    </row>
    <row r="13" spans="1:13" x14ac:dyDescent="0.25">
      <c r="A13" s="2" t="s">
        <v>76</v>
      </c>
      <c r="B13" s="2" t="s">
        <v>13</v>
      </c>
      <c r="C13" s="2" t="s">
        <v>77</v>
      </c>
      <c r="D13" s="2" t="s">
        <v>78</v>
      </c>
      <c r="E13" s="2" t="s">
        <v>19</v>
      </c>
      <c r="F13" s="2" t="s">
        <v>20</v>
      </c>
      <c r="G13" s="2" t="s">
        <v>79</v>
      </c>
      <c r="H13" s="2" t="s">
        <v>14</v>
      </c>
      <c r="I13" s="3">
        <v>30373</v>
      </c>
      <c r="J13" s="3">
        <v>44810</v>
      </c>
      <c r="K13" s="2" t="s">
        <v>30</v>
      </c>
      <c r="L13" s="2" t="s">
        <v>36</v>
      </c>
      <c r="M13" s="2" t="s">
        <v>15</v>
      </c>
    </row>
    <row r="14" spans="1:13" x14ac:dyDescent="0.25">
      <c r="A14" s="2" t="s">
        <v>80</v>
      </c>
      <c r="B14" s="2" t="s">
        <v>13</v>
      </c>
      <c r="C14" s="2" t="s">
        <v>81</v>
      </c>
      <c r="D14" s="2" t="s">
        <v>82</v>
      </c>
      <c r="E14" s="2" t="s">
        <v>19</v>
      </c>
      <c r="F14" s="2" t="s">
        <v>20</v>
      </c>
      <c r="G14" s="2" t="s">
        <v>83</v>
      </c>
      <c r="H14" s="2" t="s">
        <v>14</v>
      </c>
      <c r="I14" s="3">
        <v>32374</v>
      </c>
      <c r="J14" s="3">
        <v>44722</v>
      </c>
      <c r="K14" s="2" t="s">
        <v>30</v>
      </c>
      <c r="L14" s="2" t="s">
        <v>41</v>
      </c>
      <c r="M14" s="2" t="s">
        <v>15</v>
      </c>
    </row>
    <row r="15" spans="1:13" x14ac:dyDescent="0.25">
      <c r="A15" s="2" t="s">
        <v>84</v>
      </c>
      <c r="B15" s="2" t="s">
        <v>16</v>
      </c>
      <c r="C15" s="2" t="s">
        <v>85</v>
      </c>
      <c r="D15" s="2" t="s">
        <v>86</v>
      </c>
      <c r="E15" s="2" t="s">
        <v>19</v>
      </c>
      <c r="F15" s="2" t="s">
        <v>20</v>
      </c>
      <c r="G15" s="2" t="s">
        <v>87</v>
      </c>
      <c r="H15" s="2" t="s">
        <v>17</v>
      </c>
      <c r="I15" s="3">
        <v>35114</v>
      </c>
      <c r="J15" s="3">
        <v>44767</v>
      </c>
      <c r="K15" s="2" t="s">
        <v>30</v>
      </c>
      <c r="L15" s="2" t="s">
        <v>88</v>
      </c>
      <c r="M15" s="2" t="s">
        <v>15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oti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3</dc:creator>
  <cp:lastModifiedBy>i3</cp:lastModifiedBy>
  <dcterms:created xsi:type="dcterms:W3CDTF">2022-12-12T16:07:12Z</dcterms:created>
  <dcterms:modified xsi:type="dcterms:W3CDTF">2022-12-12T18:00:30Z</dcterms:modified>
</cp:coreProperties>
</file>